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6"/>
  </p:notesMasterIdLst>
  <p:handoutMasterIdLst>
    <p:handoutMasterId r:id="rId17"/>
  </p:handoutMasterIdLst>
  <p:sldIdLst>
    <p:sldId id="830" r:id="rId7"/>
    <p:sldId id="821" r:id="rId8"/>
    <p:sldId id="852" r:id="rId9"/>
    <p:sldId id="832" r:id="rId10"/>
    <p:sldId id="853" r:id="rId11"/>
    <p:sldId id="854" r:id="rId12"/>
    <p:sldId id="855" r:id="rId13"/>
    <p:sldId id="856" r:id="rId14"/>
    <p:sldId id="850" r:id="rId15"/>
  </p:sldIdLst>
  <p:sldSz cx="12192000" cy="6858000"/>
  <p:notesSz cx="6858000" cy="9144000"/>
  <p:embeddedFontLst>
    <p:embeddedFont>
      <p:font typeface="Myriad for Rabobank" panose="020B0604020202020204" charset="0"/>
      <p:regular r:id="rId18"/>
      <p:bold r:id="rId19"/>
      <p:italic r:id="rId20"/>
      <p:boldItalic r:id="rId21"/>
    </p:embeddedFont>
    <p:embeddedFont>
      <p:font typeface="Myriad for Rabobank Bd It" panose="020B0604020202020204" charset="0"/>
      <p:regular r:id="rId22"/>
      <p:bold r:id="rId23"/>
      <p:italic r:id="rId24"/>
      <p:boldItalic r:id="rId25"/>
    </p:embeddedFont>
    <p:embeddedFont>
      <p:font typeface="Myriad for Rabobank It" panose="020B0604020202020204" charset="0"/>
      <p:regular r:id="rId26"/>
      <p:bold r:id="rId27"/>
      <p:italic r:id="rId28"/>
      <p:boldItalic r:id="rId29"/>
    </p:embeddedFont>
    <p:embeddedFont>
      <p:font typeface="Myriad for Rabobank Lt" panose="020B0604020202020204" charset="0"/>
      <p:regular r:id="rId30"/>
      <p:bold r:id="rId31"/>
      <p:italic r:id="rId32"/>
      <p:boldItalic r:id="rId33"/>
    </p:embeddedFont>
    <p:embeddedFont>
      <p:font typeface="Myriad for Rabobank SBd" panose="020B0604020202020204" charset="0"/>
      <p:regular r:id="rId34"/>
      <p:bold r:id="rId35"/>
      <p:italic r:id="rId36"/>
      <p:boldItalic r:id="rId37"/>
    </p:embeddedFont>
    <p:embeddedFont>
      <p:font typeface="Myriad for Rabobank SBd It" panose="020B0604020202020204" charset="0"/>
      <p:regular r:id="rId38"/>
      <p:bold r:id="rId39"/>
      <p:italic r:id="rId40"/>
      <p:boldItalic r:id="rId41"/>
    </p:embeddedFont>
    <p:embeddedFont>
      <p:font typeface="Myriad Pro" panose="020B0503030403020204" charset="0"/>
      <p:regular r:id="rId42"/>
      <p:bold r:id="rId43"/>
      <p:italic r:id="rId44"/>
      <p:boldItalic r:id="rId45"/>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41F0DCA-31E1-422F-B43B-3CCCCDA1E675}" v="1" dt="2023-06-13T01:40:09.135"/>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90" d="100"/>
          <a:sy n="90" d="100"/>
        </p:scale>
        <p:origin x="84" y="228"/>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font" Target="fonts/font1.fntdata"/><Relationship Id="rId26" Type="http://schemas.openxmlformats.org/officeDocument/2006/relationships/font" Target="fonts/font9.fntdata"/><Relationship Id="rId39" Type="http://schemas.openxmlformats.org/officeDocument/2006/relationships/font" Target="fonts/font22.fntdata"/><Relationship Id="rId21" Type="http://schemas.openxmlformats.org/officeDocument/2006/relationships/font" Target="fonts/font4.fntdata"/><Relationship Id="rId34" Type="http://schemas.openxmlformats.org/officeDocument/2006/relationships/font" Target="fonts/font17.fntdata"/><Relationship Id="rId42" Type="http://schemas.openxmlformats.org/officeDocument/2006/relationships/font" Target="fonts/font25.fntdata"/><Relationship Id="rId47" Type="http://schemas.openxmlformats.org/officeDocument/2006/relationships/viewProps" Target="viewProps.xml"/><Relationship Id="rId50" Type="http://schemas.microsoft.com/office/2016/11/relationships/changesInfo" Target="changesInfos/changesInfo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notesMaster" Target="notesMasters/notesMaster1.xml"/><Relationship Id="rId29" Type="http://schemas.openxmlformats.org/officeDocument/2006/relationships/font" Target="fonts/font12.fntdata"/><Relationship Id="rId11" Type="http://schemas.openxmlformats.org/officeDocument/2006/relationships/slide" Target="slides/slide5.xml"/><Relationship Id="rId24" Type="http://schemas.openxmlformats.org/officeDocument/2006/relationships/font" Target="fonts/font7.fntdata"/><Relationship Id="rId32" Type="http://schemas.openxmlformats.org/officeDocument/2006/relationships/font" Target="fonts/font15.fntdata"/><Relationship Id="rId37" Type="http://schemas.openxmlformats.org/officeDocument/2006/relationships/font" Target="fonts/font20.fntdata"/><Relationship Id="rId40" Type="http://schemas.openxmlformats.org/officeDocument/2006/relationships/font" Target="fonts/font23.fntdata"/><Relationship Id="rId45" Type="http://schemas.openxmlformats.org/officeDocument/2006/relationships/font" Target="fonts/font28.fntdata"/><Relationship Id="rId5" Type="http://schemas.openxmlformats.org/officeDocument/2006/relationships/customXml" Target="../customXml/item5.xml"/><Relationship Id="rId15" Type="http://schemas.openxmlformats.org/officeDocument/2006/relationships/slide" Target="slides/slide9.xml"/><Relationship Id="rId23" Type="http://schemas.openxmlformats.org/officeDocument/2006/relationships/font" Target="fonts/font6.fntdata"/><Relationship Id="rId28" Type="http://schemas.openxmlformats.org/officeDocument/2006/relationships/font" Target="fonts/font11.fntdata"/><Relationship Id="rId36" Type="http://schemas.openxmlformats.org/officeDocument/2006/relationships/font" Target="fonts/font19.fntdata"/><Relationship Id="rId49" Type="http://schemas.openxmlformats.org/officeDocument/2006/relationships/tableStyles" Target="tableStyles.xml"/><Relationship Id="rId10" Type="http://schemas.openxmlformats.org/officeDocument/2006/relationships/slide" Target="slides/slide4.xml"/><Relationship Id="rId19" Type="http://schemas.openxmlformats.org/officeDocument/2006/relationships/font" Target="fonts/font2.fntdata"/><Relationship Id="rId31" Type="http://schemas.openxmlformats.org/officeDocument/2006/relationships/font" Target="fonts/font14.fntdata"/><Relationship Id="rId44" Type="http://schemas.openxmlformats.org/officeDocument/2006/relationships/font" Target="fonts/font27.fntdata"/><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font" Target="fonts/font5.fntdata"/><Relationship Id="rId27" Type="http://schemas.openxmlformats.org/officeDocument/2006/relationships/font" Target="fonts/font10.fntdata"/><Relationship Id="rId30" Type="http://schemas.openxmlformats.org/officeDocument/2006/relationships/font" Target="fonts/font13.fntdata"/><Relationship Id="rId35" Type="http://schemas.openxmlformats.org/officeDocument/2006/relationships/font" Target="fonts/font18.fntdata"/><Relationship Id="rId43" Type="http://schemas.openxmlformats.org/officeDocument/2006/relationships/font" Target="fonts/font26.fntdata"/><Relationship Id="rId48" Type="http://schemas.openxmlformats.org/officeDocument/2006/relationships/theme" Target="theme/theme1.xml"/><Relationship Id="rId8" Type="http://schemas.openxmlformats.org/officeDocument/2006/relationships/slide" Target="slides/slide2.xml"/><Relationship Id="rId51" Type="http://schemas.microsoft.com/office/2015/10/relationships/revisionInfo" Target="revisionInfo.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handoutMaster" Target="handoutMasters/handoutMaster1.xml"/><Relationship Id="rId25" Type="http://schemas.openxmlformats.org/officeDocument/2006/relationships/font" Target="fonts/font8.fntdata"/><Relationship Id="rId33" Type="http://schemas.openxmlformats.org/officeDocument/2006/relationships/font" Target="fonts/font16.fntdata"/><Relationship Id="rId38" Type="http://schemas.openxmlformats.org/officeDocument/2006/relationships/font" Target="fonts/font21.fntdata"/><Relationship Id="rId46" Type="http://schemas.openxmlformats.org/officeDocument/2006/relationships/presProps" Target="presProps.xml"/><Relationship Id="rId20" Type="http://schemas.openxmlformats.org/officeDocument/2006/relationships/font" Target="fonts/font3.fntdata"/><Relationship Id="rId41" Type="http://schemas.openxmlformats.org/officeDocument/2006/relationships/font" Target="fonts/font24.fntdata"/><Relationship Id="rId1" Type="http://schemas.openxmlformats.org/officeDocument/2006/relationships/customXml" Target="../customXml/item1.xml"/><Relationship Id="rId6" Type="http://schemas.openxmlformats.org/officeDocument/2006/relationships/slideMaster" Target="slideMasters/slide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recht Nys" userId="8e187b20a541708e" providerId="LiveId" clId="{4A27F2B9-7F46-4FBC-8156-151BC2D45A35}"/>
    <pc:docChg chg="undo custSel addSld delSld modSld">
      <pc:chgData name="Brecht Nys" userId="8e187b20a541708e" providerId="LiveId" clId="{4A27F2B9-7F46-4FBC-8156-151BC2D45A35}" dt="2023-04-10T23:20:15.892" v="464" actId="1076"/>
      <pc:docMkLst>
        <pc:docMk/>
      </pc:docMkLst>
      <pc:sldChg chg="delSp modSp mod">
        <pc:chgData name="Brecht Nys" userId="8e187b20a541708e" providerId="LiveId" clId="{4A27F2B9-7F46-4FBC-8156-151BC2D45A35}" dt="2023-04-10T23:20:15.892" v="464" actId="1076"/>
        <pc:sldMkLst>
          <pc:docMk/>
          <pc:sldMk cId="3483934314" sldId="821"/>
        </pc:sldMkLst>
        <pc:spChg chg="del">
          <ac:chgData name="Brecht Nys" userId="8e187b20a541708e" providerId="LiveId" clId="{4A27F2B9-7F46-4FBC-8156-151BC2D45A35}" dt="2023-04-10T21:10:49.800" v="0" actId="478"/>
          <ac:spMkLst>
            <pc:docMk/>
            <pc:sldMk cId="3483934314" sldId="821"/>
            <ac:spMk id="3" creationId="{907196DC-5EE3-6096-0D3D-0036808A5DE5}"/>
          </ac:spMkLst>
        </pc:spChg>
        <pc:spChg chg="mod">
          <ac:chgData name="Brecht Nys" userId="8e187b20a541708e" providerId="LiveId" clId="{4A27F2B9-7F46-4FBC-8156-151BC2D45A35}" dt="2023-04-10T21:11:18.429" v="13" actId="554"/>
          <ac:spMkLst>
            <pc:docMk/>
            <pc:sldMk cId="3483934314" sldId="821"/>
            <ac:spMk id="6" creationId="{EA9D07E0-A5C6-86C9-3B2A-69EA97E6B596}"/>
          </ac:spMkLst>
        </pc:spChg>
        <pc:spChg chg="mod">
          <ac:chgData name="Brecht Nys" userId="8e187b20a541708e" providerId="LiveId" clId="{4A27F2B9-7F46-4FBC-8156-151BC2D45A35}" dt="2023-04-10T21:11:18.429" v="13" actId="554"/>
          <ac:spMkLst>
            <pc:docMk/>
            <pc:sldMk cId="3483934314" sldId="821"/>
            <ac:spMk id="7" creationId="{3B86108A-7AF6-C128-3538-E3129D1F76F6}"/>
          </ac:spMkLst>
        </pc:spChg>
        <pc:spChg chg="mod">
          <ac:chgData name="Brecht Nys" userId="8e187b20a541708e" providerId="LiveId" clId="{4A27F2B9-7F46-4FBC-8156-151BC2D45A35}" dt="2023-04-10T21:11:33.518" v="17" actId="12788"/>
          <ac:spMkLst>
            <pc:docMk/>
            <pc:sldMk cId="3483934314" sldId="821"/>
            <ac:spMk id="8" creationId="{7C259A82-2B28-B7A5-116E-6429B8DC1E00}"/>
          </ac:spMkLst>
        </pc:spChg>
        <pc:spChg chg="del">
          <ac:chgData name="Brecht Nys" userId="8e187b20a541708e" providerId="LiveId" clId="{4A27F2B9-7F46-4FBC-8156-151BC2D45A35}" dt="2023-04-10T21:10:49.800" v="0" actId="478"/>
          <ac:spMkLst>
            <pc:docMk/>
            <pc:sldMk cId="3483934314" sldId="821"/>
            <ac:spMk id="9" creationId="{98A78A18-825E-C595-B308-29F28B0C2017}"/>
          </ac:spMkLst>
        </pc:spChg>
        <pc:spChg chg="del">
          <ac:chgData name="Brecht Nys" userId="8e187b20a541708e" providerId="LiveId" clId="{4A27F2B9-7F46-4FBC-8156-151BC2D45A35}" dt="2023-04-10T21:10:49.800" v="0" actId="478"/>
          <ac:spMkLst>
            <pc:docMk/>
            <pc:sldMk cId="3483934314" sldId="821"/>
            <ac:spMk id="10" creationId="{69C24F2A-80FB-A4C8-4845-7634C6D7F389}"/>
          </ac:spMkLst>
        </pc:spChg>
        <pc:spChg chg="mod">
          <ac:chgData name="Brecht Nys" userId="8e187b20a541708e" providerId="LiveId" clId="{4A27F2B9-7F46-4FBC-8156-151BC2D45A35}" dt="2023-04-10T21:12:02.628" v="32" actId="1036"/>
          <ac:spMkLst>
            <pc:docMk/>
            <pc:sldMk cId="3483934314" sldId="821"/>
            <ac:spMk id="14" creationId="{DCB9BDD5-A700-4E32-2871-F20697599D28}"/>
          </ac:spMkLst>
        </pc:spChg>
        <pc:spChg chg="mod">
          <ac:chgData name="Brecht Nys" userId="8e187b20a541708e" providerId="LiveId" clId="{4A27F2B9-7F46-4FBC-8156-151BC2D45A35}" dt="2023-04-10T21:12:02.628" v="32" actId="1036"/>
          <ac:spMkLst>
            <pc:docMk/>
            <pc:sldMk cId="3483934314" sldId="821"/>
            <ac:spMk id="15" creationId="{13B68796-0446-361E-2749-848866C53D7E}"/>
          </ac:spMkLst>
        </pc:spChg>
        <pc:spChg chg="mod">
          <ac:chgData name="Brecht Nys" userId="8e187b20a541708e" providerId="LiveId" clId="{4A27F2B9-7F46-4FBC-8156-151BC2D45A35}" dt="2023-04-10T21:12:02.628" v="32" actId="1036"/>
          <ac:spMkLst>
            <pc:docMk/>
            <pc:sldMk cId="3483934314" sldId="821"/>
            <ac:spMk id="16" creationId="{6636AB43-34F2-5A6F-CCC1-352568226909}"/>
          </ac:spMkLst>
        </pc:spChg>
        <pc:spChg chg="mod">
          <ac:chgData name="Brecht Nys" userId="8e187b20a541708e" providerId="LiveId" clId="{4A27F2B9-7F46-4FBC-8156-151BC2D45A35}" dt="2023-04-10T23:20:15.892" v="464" actId="1076"/>
          <ac:spMkLst>
            <pc:docMk/>
            <pc:sldMk cId="3483934314" sldId="821"/>
            <ac:spMk id="17" creationId="{76FB6254-5555-D084-7C16-D7ED2802050A}"/>
          </ac:spMkLst>
        </pc:spChg>
        <pc:spChg chg="mod">
          <ac:chgData name="Brecht Nys" userId="8e187b20a541708e" providerId="LiveId" clId="{4A27F2B9-7F46-4FBC-8156-151BC2D45A35}" dt="2023-04-10T21:12:24.976" v="46" actId="1036"/>
          <ac:spMkLst>
            <pc:docMk/>
            <pc:sldMk cId="3483934314" sldId="821"/>
            <ac:spMk id="18" creationId="{CE08E418-6377-B2AF-7447-B8BCFA277450}"/>
          </ac:spMkLst>
        </pc:spChg>
        <pc:spChg chg="mod">
          <ac:chgData name="Brecht Nys" userId="8e187b20a541708e" providerId="LiveId" clId="{4A27F2B9-7F46-4FBC-8156-151BC2D45A35}" dt="2023-04-10T21:12:24.976" v="46" actId="1036"/>
          <ac:spMkLst>
            <pc:docMk/>
            <pc:sldMk cId="3483934314" sldId="821"/>
            <ac:spMk id="19" creationId="{4A5C37BD-0855-3F66-8F29-24140BB80B28}"/>
          </ac:spMkLst>
        </pc:spChg>
        <pc:picChg chg="del">
          <ac:chgData name="Brecht Nys" userId="8e187b20a541708e" providerId="LiveId" clId="{4A27F2B9-7F46-4FBC-8156-151BC2D45A35}" dt="2023-04-10T21:10:49.800" v="0" actId="478"/>
          <ac:picMkLst>
            <pc:docMk/>
            <pc:sldMk cId="3483934314" sldId="821"/>
            <ac:picMk id="13" creationId="{E42525A9-8A87-0030-B929-1964E1BE0E1B}"/>
          </ac:picMkLst>
        </pc:picChg>
        <pc:picChg chg="mod">
          <ac:chgData name="Brecht Nys" userId="8e187b20a541708e" providerId="LiveId" clId="{4A27F2B9-7F46-4FBC-8156-151BC2D45A35}" dt="2023-04-10T21:11:25.296" v="15" actId="1076"/>
          <ac:picMkLst>
            <pc:docMk/>
            <pc:sldMk cId="3483934314" sldId="821"/>
            <ac:picMk id="20" creationId="{214981DB-E871-049C-E78A-18094843428C}"/>
          </ac:picMkLst>
        </pc:picChg>
        <pc:picChg chg="mod">
          <ac:chgData name="Brecht Nys" userId="8e187b20a541708e" providerId="LiveId" clId="{4A27F2B9-7F46-4FBC-8156-151BC2D45A35}" dt="2023-04-10T21:11:33.518" v="17" actId="12788"/>
          <ac:picMkLst>
            <pc:docMk/>
            <pc:sldMk cId="3483934314" sldId="821"/>
            <ac:picMk id="21" creationId="{A91BB158-B157-4A2E-4E1A-8F9EDC314196}"/>
          </ac:picMkLst>
        </pc:picChg>
        <pc:picChg chg="mod">
          <ac:chgData name="Brecht Nys" userId="8e187b20a541708e" providerId="LiveId" clId="{4A27F2B9-7F46-4FBC-8156-151BC2D45A35}" dt="2023-04-10T21:11:23.665" v="14" actId="1076"/>
          <ac:picMkLst>
            <pc:docMk/>
            <pc:sldMk cId="3483934314" sldId="821"/>
            <ac:picMk id="24" creationId="{97CFDB34-EFE0-9925-FA6A-D553E5A0816B}"/>
          </ac:picMkLst>
        </pc:picChg>
      </pc:sldChg>
      <pc:sldChg chg="modSp mod">
        <pc:chgData name="Brecht Nys" userId="8e187b20a541708e" providerId="LiveId" clId="{4A27F2B9-7F46-4FBC-8156-151BC2D45A35}" dt="2023-04-10T21:23:19.796" v="74" actId="14100"/>
        <pc:sldMkLst>
          <pc:docMk/>
          <pc:sldMk cId="1777398863" sldId="830"/>
        </pc:sldMkLst>
        <pc:spChg chg="mod">
          <ac:chgData name="Brecht Nys" userId="8e187b20a541708e" providerId="LiveId" clId="{4A27F2B9-7F46-4FBC-8156-151BC2D45A35}" dt="2023-04-10T21:23:19.796" v="74" actId="14100"/>
          <ac:spMkLst>
            <pc:docMk/>
            <pc:sldMk cId="1777398863" sldId="830"/>
            <ac:spMk id="8" creationId="{F6464A43-5B80-4854-9FC3-E00F515DC04B}"/>
          </ac:spMkLst>
        </pc:spChg>
      </pc:sldChg>
      <pc:sldChg chg="del">
        <pc:chgData name="Brecht Nys" userId="8e187b20a541708e" providerId="LiveId" clId="{4A27F2B9-7F46-4FBC-8156-151BC2D45A35}" dt="2023-04-10T21:12:31.176" v="47" actId="47"/>
        <pc:sldMkLst>
          <pc:docMk/>
          <pc:sldMk cId="3028581465" sldId="831"/>
        </pc:sldMkLst>
      </pc:sldChg>
      <pc:sldChg chg="addSp modSp mod">
        <pc:chgData name="Brecht Nys" userId="8e187b20a541708e" providerId="LiveId" clId="{4A27F2B9-7F46-4FBC-8156-151BC2D45A35}" dt="2023-04-10T22:56:55.591" v="438"/>
        <pc:sldMkLst>
          <pc:docMk/>
          <pc:sldMk cId="1481987114" sldId="832"/>
        </pc:sldMkLst>
        <pc:spChg chg="add mod">
          <ac:chgData name="Brecht Nys" userId="8e187b20a541708e" providerId="LiveId" clId="{4A27F2B9-7F46-4FBC-8156-151BC2D45A35}" dt="2023-04-10T22:29:33.574" v="437" actId="14100"/>
          <ac:spMkLst>
            <pc:docMk/>
            <pc:sldMk cId="1481987114" sldId="832"/>
            <ac:spMk id="3" creationId="{307BBE8E-1395-24F0-2B6E-BDD6C71E5DD7}"/>
          </ac:spMkLst>
        </pc:spChg>
        <pc:spChg chg="mod">
          <ac:chgData name="Brecht Nys" userId="8e187b20a541708e" providerId="LiveId" clId="{4A27F2B9-7F46-4FBC-8156-151BC2D45A35}" dt="2023-04-10T22:56:55.591" v="438"/>
          <ac:spMkLst>
            <pc:docMk/>
            <pc:sldMk cId="1481987114" sldId="832"/>
            <ac:spMk id="10" creationId="{69C24F2A-80FB-A4C8-4845-7634C6D7F389}"/>
          </ac:spMkLst>
        </pc:spChg>
      </pc:sldChg>
      <pc:sldChg chg="modSp mod">
        <pc:chgData name="Brecht Nys" userId="8e187b20a541708e" providerId="LiveId" clId="{4A27F2B9-7F46-4FBC-8156-151BC2D45A35}" dt="2023-04-10T21:55:27.015" v="75" actId="20577"/>
        <pc:sldMkLst>
          <pc:docMk/>
          <pc:sldMk cId="1573580644" sldId="835"/>
        </pc:sldMkLst>
        <pc:spChg chg="mod">
          <ac:chgData name="Brecht Nys" userId="8e187b20a541708e" providerId="LiveId" clId="{4A27F2B9-7F46-4FBC-8156-151BC2D45A35}" dt="2023-04-10T21:55:27.015" v="75" actId="20577"/>
          <ac:spMkLst>
            <pc:docMk/>
            <pc:sldMk cId="1573580644" sldId="835"/>
            <ac:spMk id="7" creationId="{B3B568C5-3AD6-87C8-97FE-BC4297924F8A}"/>
          </ac:spMkLst>
        </pc:spChg>
      </pc:sldChg>
      <pc:sldChg chg="modSp mod">
        <pc:chgData name="Brecht Nys" userId="8e187b20a541708e" providerId="LiveId" clId="{4A27F2B9-7F46-4FBC-8156-151BC2D45A35}" dt="2023-04-10T21:12:47.708" v="49" actId="14861"/>
        <pc:sldMkLst>
          <pc:docMk/>
          <pc:sldMk cId="1694013409" sldId="847"/>
        </pc:sldMkLst>
        <pc:picChg chg="mod">
          <ac:chgData name="Brecht Nys" userId="8e187b20a541708e" providerId="LiveId" clId="{4A27F2B9-7F46-4FBC-8156-151BC2D45A35}" dt="2023-04-10T21:12:47.708" v="49" actId="14861"/>
          <ac:picMkLst>
            <pc:docMk/>
            <pc:sldMk cId="1694013409" sldId="847"/>
            <ac:picMk id="11" creationId="{D9B0935E-908E-DF2E-95EE-5BCAC3FB876C}"/>
          </ac:picMkLst>
        </pc:picChg>
      </pc:sldChg>
      <pc:sldChg chg="modSp mod">
        <pc:chgData name="Brecht Nys" userId="8e187b20a541708e" providerId="LiveId" clId="{4A27F2B9-7F46-4FBC-8156-151BC2D45A35}" dt="2023-04-10T22:17:38.877" v="432" actId="20577"/>
        <pc:sldMkLst>
          <pc:docMk/>
          <pc:sldMk cId="4187866062" sldId="849"/>
        </pc:sldMkLst>
        <pc:spChg chg="mod">
          <ac:chgData name="Brecht Nys" userId="8e187b20a541708e" providerId="LiveId" clId="{4A27F2B9-7F46-4FBC-8156-151BC2D45A35}" dt="2023-04-10T22:17:38.877" v="432" actId="20577"/>
          <ac:spMkLst>
            <pc:docMk/>
            <pc:sldMk cId="4187866062" sldId="849"/>
            <ac:spMk id="15" creationId="{0DA67B25-C0A7-A65F-FFB5-1C134EFC4A48}"/>
          </ac:spMkLst>
        </pc:spChg>
      </pc:sldChg>
      <pc:sldChg chg="addSp delSp modSp new mod modClrScheme chgLayout">
        <pc:chgData name="Brecht Nys" userId="8e187b20a541708e" providerId="LiveId" clId="{4A27F2B9-7F46-4FBC-8156-151BC2D45A35}" dt="2023-04-10T21:14:58.470" v="69" actId="478"/>
        <pc:sldMkLst>
          <pc:docMk/>
          <pc:sldMk cId="500926383" sldId="850"/>
        </pc:sldMkLst>
        <pc:spChg chg="del">
          <ac:chgData name="Brecht Nys" userId="8e187b20a541708e" providerId="LiveId" clId="{4A27F2B9-7F46-4FBC-8156-151BC2D45A35}" dt="2023-04-10T21:13:33.410" v="51" actId="700"/>
          <ac:spMkLst>
            <pc:docMk/>
            <pc:sldMk cId="500926383" sldId="850"/>
            <ac:spMk id="2" creationId="{A745D157-ED65-286F-1961-C1B4CFA2037F}"/>
          </ac:spMkLst>
        </pc:spChg>
        <pc:spChg chg="del mod ord">
          <ac:chgData name="Brecht Nys" userId="8e187b20a541708e" providerId="LiveId" clId="{4A27F2B9-7F46-4FBC-8156-151BC2D45A35}" dt="2023-04-10T21:14:58.470" v="69" actId="478"/>
          <ac:spMkLst>
            <pc:docMk/>
            <pc:sldMk cId="500926383" sldId="850"/>
            <ac:spMk id="3" creationId="{2FD52C9E-E428-9C98-EC64-7CAE5F82DFDD}"/>
          </ac:spMkLst>
        </pc:spChg>
        <pc:spChg chg="add mod ord">
          <ac:chgData name="Brecht Nys" userId="8e187b20a541708e" providerId="LiveId" clId="{4A27F2B9-7F46-4FBC-8156-151BC2D45A35}" dt="2023-04-10T21:14:52.543" v="68" actId="20577"/>
          <ac:spMkLst>
            <pc:docMk/>
            <pc:sldMk cId="500926383" sldId="850"/>
            <ac:spMk id="4" creationId="{D80AFC61-98A0-DE7F-A4F2-BD3E70CFDDE2}"/>
          </ac:spMkLst>
        </pc:spChg>
        <pc:spChg chg="add del mod ord">
          <ac:chgData name="Brecht Nys" userId="8e187b20a541708e" providerId="LiveId" clId="{4A27F2B9-7F46-4FBC-8156-151BC2D45A35}" dt="2023-04-10T21:13:40.679" v="54" actId="478"/>
          <ac:spMkLst>
            <pc:docMk/>
            <pc:sldMk cId="500926383" sldId="850"/>
            <ac:spMk id="5" creationId="{B7959B58-C4A6-932F-63F7-99D2A39CF149}"/>
          </ac:spMkLst>
        </pc:spChg>
        <pc:spChg chg="add del mod ord">
          <ac:chgData name="Brecht Nys" userId="8e187b20a541708e" providerId="LiveId" clId="{4A27F2B9-7F46-4FBC-8156-151BC2D45A35}" dt="2023-04-10T21:13:37.416" v="52" actId="478"/>
          <ac:spMkLst>
            <pc:docMk/>
            <pc:sldMk cId="500926383" sldId="850"/>
            <ac:spMk id="6" creationId="{8BF09E18-0A30-EA1C-3742-06D22133B092}"/>
          </ac:spMkLst>
        </pc:spChg>
      </pc:sldChg>
      <pc:sldChg chg="addSp delSp modSp add mod">
        <pc:chgData name="Brecht Nys" userId="8e187b20a541708e" providerId="LiveId" clId="{4A27F2B9-7F46-4FBC-8156-151BC2D45A35}" dt="2023-04-10T23:13:19.471" v="447" actId="1076"/>
        <pc:sldMkLst>
          <pc:docMk/>
          <pc:sldMk cId="236118157" sldId="851"/>
        </pc:sldMkLst>
        <pc:spChg chg="mod">
          <ac:chgData name="Brecht Nys" userId="8e187b20a541708e" providerId="LiveId" clId="{4A27F2B9-7F46-4FBC-8156-151BC2D45A35}" dt="2023-04-10T23:13:14.862" v="446" actId="14100"/>
          <ac:spMkLst>
            <pc:docMk/>
            <pc:sldMk cId="236118157" sldId="851"/>
            <ac:spMk id="2" creationId="{00000000-0000-0000-0000-000000000000}"/>
          </ac:spMkLst>
        </pc:spChg>
        <pc:spChg chg="del">
          <ac:chgData name="Brecht Nys" userId="8e187b20a541708e" providerId="LiveId" clId="{4A27F2B9-7F46-4FBC-8156-151BC2D45A35}" dt="2023-04-10T22:09:04.198" v="95" actId="478"/>
          <ac:spMkLst>
            <pc:docMk/>
            <pc:sldMk cId="236118157" sldId="851"/>
            <ac:spMk id="3" creationId="{307BBE8E-1395-24F0-2B6E-BDD6C71E5DD7}"/>
          </ac:spMkLst>
        </pc:spChg>
        <pc:spChg chg="add mod ord">
          <ac:chgData name="Brecht Nys" userId="8e187b20a541708e" providerId="LiveId" clId="{4A27F2B9-7F46-4FBC-8156-151BC2D45A35}" dt="2023-04-10T23:13:11.166" v="445" actId="14100"/>
          <ac:spMkLst>
            <pc:docMk/>
            <pc:sldMk cId="236118157" sldId="851"/>
            <ac:spMk id="5" creationId="{DA04FD72-F5B6-31CD-C882-04E8AFF8131A}"/>
          </ac:spMkLst>
        </pc:spChg>
        <pc:spChg chg="add mod">
          <ac:chgData name="Brecht Nys" userId="8e187b20a541708e" providerId="LiveId" clId="{4A27F2B9-7F46-4FBC-8156-151BC2D45A35}" dt="2023-04-10T22:15:44.791" v="224" actId="313"/>
          <ac:spMkLst>
            <pc:docMk/>
            <pc:sldMk cId="236118157" sldId="851"/>
            <ac:spMk id="9" creationId="{1E54DB9E-397F-566F-B44A-F3D2038691F5}"/>
          </ac:spMkLst>
        </pc:spChg>
        <pc:spChg chg="del mod">
          <ac:chgData name="Brecht Nys" userId="8e187b20a541708e" providerId="LiveId" clId="{4A27F2B9-7F46-4FBC-8156-151BC2D45A35}" dt="2023-04-10T22:57:28.969" v="439" actId="478"/>
          <ac:spMkLst>
            <pc:docMk/>
            <pc:sldMk cId="236118157" sldId="851"/>
            <ac:spMk id="10" creationId="{69C24F2A-80FB-A4C8-4845-7634C6D7F389}"/>
          </ac:spMkLst>
        </pc:spChg>
        <pc:picChg chg="add mod">
          <ac:chgData name="Brecht Nys" userId="8e187b20a541708e" providerId="LiveId" clId="{4A27F2B9-7F46-4FBC-8156-151BC2D45A35}" dt="2023-04-10T23:13:19.471" v="447" actId="1076"/>
          <ac:picMkLst>
            <pc:docMk/>
            <pc:sldMk cId="236118157" sldId="851"/>
            <ac:picMk id="6" creationId="{A825885E-0650-524B-02C6-A4401DEA0D92}"/>
          </ac:picMkLst>
        </pc:picChg>
        <pc:picChg chg="add mod">
          <ac:chgData name="Brecht Nys" userId="8e187b20a541708e" providerId="LiveId" clId="{4A27F2B9-7F46-4FBC-8156-151BC2D45A35}" dt="2023-04-10T23:13:19.471" v="447" actId="1076"/>
          <ac:picMkLst>
            <pc:docMk/>
            <pc:sldMk cId="236118157" sldId="851"/>
            <ac:picMk id="7" creationId="{9FB10DD9-7853-9D47-9CB8-163ED24A7548}"/>
          </ac:picMkLst>
        </pc:picChg>
        <pc:picChg chg="add mod">
          <ac:chgData name="Brecht Nys" userId="8e187b20a541708e" providerId="LiveId" clId="{4A27F2B9-7F46-4FBC-8156-151BC2D45A35}" dt="2023-04-10T23:13:19.471" v="447" actId="1076"/>
          <ac:picMkLst>
            <pc:docMk/>
            <pc:sldMk cId="236118157" sldId="851"/>
            <ac:picMk id="8" creationId="{2483613A-72E1-BE75-711D-DE56C44CA0BD}"/>
          </ac:picMkLst>
        </pc:picChg>
      </pc:sldChg>
    </pc:docChg>
  </pc:docChgLst>
  <pc:docChgLst>
    <pc:chgData name="Brecht Nys" userId="8e187b20a541708e" providerId="LiveId" clId="{441F0DCA-31E1-422F-B43B-3CCCCDA1E675}"/>
    <pc:docChg chg="undo custSel addSld delSld modSld">
      <pc:chgData name="Brecht Nys" userId="8e187b20a541708e" providerId="LiveId" clId="{441F0DCA-31E1-422F-B43B-3CCCCDA1E675}" dt="2023-06-13T01:46:38.207" v="249" actId="403"/>
      <pc:docMkLst>
        <pc:docMk/>
      </pc:docMkLst>
      <pc:sldChg chg="delSp modSp mod">
        <pc:chgData name="Brecht Nys" userId="8e187b20a541708e" providerId="LiveId" clId="{441F0DCA-31E1-422F-B43B-3CCCCDA1E675}" dt="2023-06-13T01:43:02.946" v="118" actId="20577"/>
        <pc:sldMkLst>
          <pc:docMk/>
          <pc:sldMk cId="3483934314" sldId="821"/>
        </pc:sldMkLst>
        <pc:spChg chg="mod">
          <ac:chgData name="Brecht Nys" userId="8e187b20a541708e" providerId="LiveId" clId="{441F0DCA-31E1-422F-B43B-3CCCCDA1E675}" dt="2023-06-13T01:43:02.946" v="118" actId="20577"/>
          <ac:spMkLst>
            <pc:docMk/>
            <pc:sldMk cId="3483934314" sldId="821"/>
            <ac:spMk id="2" creationId="{00000000-0000-0000-0000-000000000000}"/>
          </ac:spMkLst>
        </pc:spChg>
        <pc:spChg chg="del">
          <ac:chgData name="Brecht Nys" userId="8e187b20a541708e" providerId="LiveId" clId="{441F0DCA-31E1-422F-B43B-3CCCCDA1E675}" dt="2023-06-13T01:42:09.377" v="60" actId="478"/>
          <ac:spMkLst>
            <pc:docMk/>
            <pc:sldMk cId="3483934314" sldId="821"/>
            <ac:spMk id="6" creationId="{EA9D07E0-A5C6-86C9-3B2A-69EA97E6B596}"/>
          </ac:spMkLst>
        </pc:spChg>
        <pc:spChg chg="del">
          <ac:chgData name="Brecht Nys" userId="8e187b20a541708e" providerId="LiveId" clId="{441F0DCA-31E1-422F-B43B-3CCCCDA1E675}" dt="2023-06-13T01:42:09.377" v="60" actId="478"/>
          <ac:spMkLst>
            <pc:docMk/>
            <pc:sldMk cId="3483934314" sldId="821"/>
            <ac:spMk id="7" creationId="{3B86108A-7AF6-C128-3538-E3129D1F76F6}"/>
          </ac:spMkLst>
        </pc:spChg>
        <pc:spChg chg="del">
          <ac:chgData name="Brecht Nys" userId="8e187b20a541708e" providerId="LiveId" clId="{441F0DCA-31E1-422F-B43B-3CCCCDA1E675}" dt="2023-06-13T01:42:09.377" v="60" actId="478"/>
          <ac:spMkLst>
            <pc:docMk/>
            <pc:sldMk cId="3483934314" sldId="821"/>
            <ac:spMk id="8" creationId="{7C259A82-2B28-B7A5-116E-6429B8DC1E00}"/>
          </ac:spMkLst>
        </pc:spChg>
        <pc:spChg chg="del">
          <ac:chgData name="Brecht Nys" userId="8e187b20a541708e" providerId="LiveId" clId="{441F0DCA-31E1-422F-B43B-3CCCCDA1E675}" dt="2023-06-13T01:42:09.377" v="60" actId="478"/>
          <ac:spMkLst>
            <pc:docMk/>
            <pc:sldMk cId="3483934314" sldId="821"/>
            <ac:spMk id="14" creationId="{DCB9BDD5-A700-4E32-2871-F20697599D28}"/>
          </ac:spMkLst>
        </pc:spChg>
        <pc:spChg chg="del">
          <ac:chgData name="Brecht Nys" userId="8e187b20a541708e" providerId="LiveId" clId="{441F0DCA-31E1-422F-B43B-3CCCCDA1E675}" dt="2023-06-13T01:42:09.377" v="60" actId="478"/>
          <ac:spMkLst>
            <pc:docMk/>
            <pc:sldMk cId="3483934314" sldId="821"/>
            <ac:spMk id="15" creationId="{13B68796-0446-361E-2749-848866C53D7E}"/>
          </ac:spMkLst>
        </pc:spChg>
        <pc:spChg chg="del">
          <ac:chgData name="Brecht Nys" userId="8e187b20a541708e" providerId="LiveId" clId="{441F0DCA-31E1-422F-B43B-3CCCCDA1E675}" dt="2023-06-13T01:42:09.377" v="60" actId="478"/>
          <ac:spMkLst>
            <pc:docMk/>
            <pc:sldMk cId="3483934314" sldId="821"/>
            <ac:spMk id="16" creationId="{6636AB43-34F2-5A6F-CCC1-352568226909}"/>
          </ac:spMkLst>
        </pc:spChg>
        <pc:spChg chg="del">
          <ac:chgData name="Brecht Nys" userId="8e187b20a541708e" providerId="LiveId" clId="{441F0DCA-31E1-422F-B43B-3CCCCDA1E675}" dt="2023-06-13T01:42:09.377" v="60" actId="478"/>
          <ac:spMkLst>
            <pc:docMk/>
            <pc:sldMk cId="3483934314" sldId="821"/>
            <ac:spMk id="17" creationId="{76FB6254-5555-D084-7C16-D7ED2802050A}"/>
          </ac:spMkLst>
        </pc:spChg>
        <pc:spChg chg="del">
          <ac:chgData name="Brecht Nys" userId="8e187b20a541708e" providerId="LiveId" clId="{441F0DCA-31E1-422F-B43B-3CCCCDA1E675}" dt="2023-06-13T01:42:09.377" v="60" actId="478"/>
          <ac:spMkLst>
            <pc:docMk/>
            <pc:sldMk cId="3483934314" sldId="821"/>
            <ac:spMk id="18" creationId="{CE08E418-6377-B2AF-7447-B8BCFA277450}"/>
          </ac:spMkLst>
        </pc:spChg>
        <pc:spChg chg="del">
          <ac:chgData name="Brecht Nys" userId="8e187b20a541708e" providerId="LiveId" clId="{441F0DCA-31E1-422F-B43B-3CCCCDA1E675}" dt="2023-06-13T01:42:09.377" v="60" actId="478"/>
          <ac:spMkLst>
            <pc:docMk/>
            <pc:sldMk cId="3483934314" sldId="821"/>
            <ac:spMk id="19" creationId="{4A5C37BD-0855-3F66-8F29-24140BB80B28}"/>
          </ac:spMkLst>
        </pc:spChg>
        <pc:picChg chg="del">
          <ac:chgData name="Brecht Nys" userId="8e187b20a541708e" providerId="LiveId" clId="{441F0DCA-31E1-422F-B43B-3CCCCDA1E675}" dt="2023-06-13T01:42:09.377" v="60" actId="478"/>
          <ac:picMkLst>
            <pc:docMk/>
            <pc:sldMk cId="3483934314" sldId="821"/>
            <ac:picMk id="20" creationId="{214981DB-E871-049C-E78A-18094843428C}"/>
          </ac:picMkLst>
        </pc:picChg>
        <pc:picChg chg="del">
          <ac:chgData name="Brecht Nys" userId="8e187b20a541708e" providerId="LiveId" clId="{441F0DCA-31E1-422F-B43B-3CCCCDA1E675}" dt="2023-06-13T01:42:09.377" v="60" actId="478"/>
          <ac:picMkLst>
            <pc:docMk/>
            <pc:sldMk cId="3483934314" sldId="821"/>
            <ac:picMk id="21" creationId="{A91BB158-B157-4A2E-4E1A-8F9EDC314196}"/>
          </ac:picMkLst>
        </pc:picChg>
        <pc:picChg chg="del">
          <ac:chgData name="Brecht Nys" userId="8e187b20a541708e" providerId="LiveId" clId="{441F0DCA-31E1-422F-B43B-3CCCCDA1E675}" dt="2023-06-13T01:42:09.377" v="60" actId="478"/>
          <ac:picMkLst>
            <pc:docMk/>
            <pc:sldMk cId="3483934314" sldId="821"/>
            <ac:picMk id="24" creationId="{97CFDB34-EFE0-9925-FA6A-D553E5A0816B}"/>
          </ac:picMkLst>
        </pc:picChg>
      </pc:sldChg>
      <pc:sldChg chg="addSp delSp modSp mod">
        <pc:chgData name="Brecht Nys" userId="8e187b20a541708e" providerId="LiveId" clId="{441F0DCA-31E1-422F-B43B-3CCCCDA1E675}" dt="2023-06-13T01:40:53.305" v="59" actId="732"/>
        <pc:sldMkLst>
          <pc:docMk/>
          <pc:sldMk cId="1777398863" sldId="830"/>
        </pc:sldMkLst>
        <pc:spChg chg="mod">
          <ac:chgData name="Brecht Nys" userId="8e187b20a541708e" providerId="LiveId" clId="{441F0DCA-31E1-422F-B43B-3CCCCDA1E675}" dt="2023-06-13T01:39:12.416" v="16" actId="20577"/>
          <ac:spMkLst>
            <pc:docMk/>
            <pc:sldMk cId="1777398863" sldId="830"/>
            <ac:spMk id="6" creationId="{7A7ABC60-E318-4903-BC01-B1CAACC679D3}"/>
          </ac:spMkLst>
        </pc:spChg>
        <pc:spChg chg="mod">
          <ac:chgData name="Brecht Nys" userId="8e187b20a541708e" providerId="LiveId" clId="{441F0DCA-31E1-422F-B43B-3CCCCDA1E675}" dt="2023-06-13T01:39:51.984" v="49" actId="14100"/>
          <ac:spMkLst>
            <pc:docMk/>
            <pc:sldMk cId="1777398863" sldId="830"/>
            <ac:spMk id="8" creationId="{F6464A43-5B80-4854-9FC3-E00F515DC04B}"/>
          </ac:spMkLst>
        </pc:spChg>
        <pc:picChg chg="del">
          <ac:chgData name="Brecht Nys" userId="8e187b20a541708e" providerId="LiveId" clId="{441F0DCA-31E1-422F-B43B-3CCCCDA1E675}" dt="2023-06-13T01:39:54.532" v="50" actId="478"/>
          <ac:picMkLst>
            <pc:docMk/>
            <pc:sldMk cId="1777398863" sldId="830"/>
            <ac:picMk id="3" creationId="{AE95D994-DD8F-BEA3-20A4-0A0D6414E408}"/>
          </ac:picMkLst>
        </pc:picChg>
        <pc:picChg chg="add mod ord modCrop">
          <ac:chgData name="Brecht Nys" userId="8e187b20a541708e" providerId="LiveId" clId="{441F0DCA-31E1-422F-B43B-3CCCCDA1E675}" dt="2023-06-13T01:40:53.305" v="59" actId="732"/>
          <ac:picMkLst>
            <pc:docMk/>
            <pc:sldMk cId="1777398863" sldId="830"/>
            <ac:picMk id="5" creationId="{1C5C3231-144D-F671-B403-9CFF966455F0}"/>
          </ac:picMkLst>
        </pc:picChg>
      </pc:sldChg>
      <pc:sldChg chg="delSp modSp mod">
        <pc:chgData name="Brecht Nys" userId="8e187b20a541708e" providerId="LiveId" clId="{441F0DCA-31E1-422F-B43B-3CCCCDA1E675}" dt="2023-06-13T01:45:19.462" v="143" actId="20577"/>
        <pc:sldMkLst>
          <pc:docMk/>
          <pc:sldMk cId="1481987114" sldId="832"/>
        </pc:sldMkLst>
        <pc:spChg chg="mod">
          <ac:chgData name="Brecht Nys" userId="8e187b20a541708e" providerId="LiveId" clId="{441F0DCA-31E1-422F-B43B-3CCCCDA1E675}" dt="2023-06-13T01:45:19.462" v="143" actId="20577"/>
          <ac:spMkLst>
            <pc:docMk/>
            <pc:sldMk cId="1481987114" sldId="832"/>
            <ac:spMk id="2" creationId="{00000000-0000-0000-0000-000000000000}"/>
          </ac:spMkLst>
        </pc:spChg>
        <pc:spChg chg="del">
          <ac:chgData name="Brecht Nys" userId="8e187b20a541708e" providerId="LiveId" clId="{441F0DCA-31E1-422F-B43B-3CCCCDA1E675}" dt="2023-06-13T01:42:35.722" v="101" actId="478"/>
          <ac:spMkLst>
            <pc:docMk/>
            <pc:sldMk cId="1481987114" sldId="832"/>
            <ac:spMk id="3" creationId="{307BBE8E-1395-24F0-2B6E-BDD6C71E5DD7}"/>
          </ac:spMkLst>
        </pc:spChg>
        <pc:spChg chg="del">
          <ac:chgData name="Brecht Nys" userId="8e187b20a541708e" providerId="LiveId" clId="{441F0DCA-31E1-422F-B43B-3CCCCDA1E675}" dt="2023-06-13T01:42:34.639" v="100" actId="478"/>
          <ac:spMkLst>
            <pc:docMk/>
            <pc:sldMk cId="1481987114" sldId="832"/>
            <ac:spMk id="10" creationId="{69C24F2A-80FB-A4C8-4845-7634C6D7F389}"/>
          </ac:spMkLst>
        </pc:spChg>
        <pc:picChg chg="del">
          <ac:chgData name="Brecht Nys" userId="8e187b20a541708e" providerId="LiveId" clId="{441F0DCA-31E1-422F-B43B-3CCCCDA1E675}" dt="2023-06-13T01:42:36.487" v="102" actId="478"/>
          <ac:picMkLst>
            <pc:docMk/>
            <pc:sldMk cId="1481987114" sldId="832"/>
            <ac:picMk id="4" creationId="{CFF355B1-4A95-EED8-2227-5CCA777D442A}"/>
          </ac:picMkLst>
        </pc:picChg>
      </pc:sldChg>
      <pc:sldChg chg="del">
        <pc:chgData name="Brecht Nys" userId="8e187b20a541708e" providerId="LiveId" clId="{441F0DCA-31E1-422F-B43B-3CCCCDA1E675}" dt="2023-06-13T01:43:07.289" v="120" actId="47"/>
        <pc:sldMkLst>
          <pc:docMk/>
          <pc:sldMk cId="1573580644" sldId="835"/>
        </pc:sldMkLst>
      </pc:sldChg>
      <pc:sldChg chg="del">
        <pc:chgData name="Brecht Nys" userId="8e187b20a541708e" providerId="LiveId" clId="{441F0DCA-31E1-422F-B43B-3CCCCDA1E675}" dt="2023-06-13T01:43:07.683" v="121" actId="47"/>
        <pc:sldMkLst>
          <pc:docMk/>
          <pc:sldMk cId="2252438434" sldId="842"/>
        </pc:sldMkLst>
      </pc:sldChg>
      <pc:sldChg chg="del">
        <pc:chgData name="Brecht Nys" userId="8e187b20a541708e" providerId="LiveId" clId="{441F0DCA-31E1-422F-B43B-3CCCCDA1E675}" dt="2023-06-13T01:43:08.047" v="122" actId="47"/>
        <pc:sldMkLst>
          <pc:docMk/>
          <pc:sldMk cId="3966230099" sldId="843"/>
        </pc:sldMkLst>
      </pc:sldChg>
      <pc:sldChg chg="del">
        <pc:chgData name="Brecht Nys" userId="8e187b20a541708e" providerId="LiveId" clId="{441F0DCA-31E1-422F-B43B-3CCCCDA1E675}" dt="2023-06-13T01:43:08.365" v="123" actId="47"/>
        <pc:sldMkLst>
          <pc:docMk/>
          <pc:sldMk cId="3870590486" sldId="844"/>
        </pc:sldMkLst>
      </pc:sldChg>
      <pc:sldChg chg="del">
        <pc:chgData name="Brecht Nys" userId="8e187b20a541708e" providerId="LiveId" clId="{441F0DCA-31E1-422F-B43B-3CCCCDA1E675}" dt="2023-06-13T01:43:08.768" v="124" actId="47"/>
        <pc:sldMkLst>
          <pc:docMk/>
          <pc:sldMk cId="1694013409" sldId="847"/>
        </pc:sldMkLst>
      </pc:sldChg>
      <pc:sldChg chg="del">
        <pc:chgData name="Brecht Nys" userId="8e187b20a541708e" providerId="LiveId" clId="{441F0DCA-31E1-422F-B43B-3CCCCDA1E675}" dt="2023-06-13T01:43:09.124" v="125" actId="47"/>
        <pc:sldMkLst>
          <pc:docMk/>
          <pc:sldMk cId="1140100653" sldId="848"/>
        </pc:sldMkLst>
      </pc:sldChg>
      <pc:sldChg chg="del">
        <pc:chgData name="Brecht Nys" userId="8e187b20a541708e" providerId="LiveId" clId="{441F0DCA-31E1-422F-B43B-3CCCCDA1E675}" dt="2023-06-13T01:43:09.523" v="126" actId="47"/>
        <pc:sldMkLst>
          <pc:docMk/>
          <pc:sldMk cId="4187866062" sldId="849"/>
        </pc:sldMkLst>
      </pc:sldChg>
      <pc:sldChg chg="del">
        <pc:chgData name="Brecht Nys" userId="8e187b20a541708e" providerId="LiveId" clId="{441F0DCA-31E1-422F-B43B-3CCCCDA1E675}" dt="2023-06-13T01:43:06.828" v="119" actId="47"/>
        <pc:sldMkLst>
          <pc:docMk/>
          <pc:sldMk cId="236118157" sldId="851"/>
        </pc:sldMkLst>
      </pc:sldChg>
      <pc:sldChg chg="new del">
        <pc:chgData name="Brecht Nys" userId="8e187b20a541708e" providerId="LiveId" clId="{441F0DCA-31E1-422F-B43B-3CCCCDA1E675}" dt="2023-06-13T01:42:56.269" v="105" actId="47"/>
        <pc:sldMkLst>
          <pc:docMk/>
          <pc:sldMk cId="3373996364" sldId="852"/>
        </pc:sldMkLst>
      </pc:sldChg>
      <pc:sldChg chg="modSp add mod">
        <pc:chgData name="Brecht Nys" userId="8e187b20a541708e" providerId="LiveId" clId="{441F0DCA-31E1-422F-B43B-3CCCCDA1E675}" dt="2023-06-13T01:45:11.357" v="130" actId="20577"/>
        <pc:sldMkLst>
          <pc:docMk/>
          <pc:sldMk cId="4010373916" sldId="852"/>
        </pc:sldMkLst>
        <pc:spChg chg="mod">
          <ac:chgData name="Brecht Nys" userId="8e187b20a541708e" providerId="LiveId" clId="{441F0DCA-31E1-422F-B43B-3CCCCDA1E675}" dt="2023-06-13T01:45:11.357" v="130" actId="20577"/>
          <ac:spMkLst>
            <pc:docMk/>
            <pc:sldMk cId="4010373916" sldId="852"/>
            <ac:spMk id="2" creationId="{00000000-0000-0000-0000-000000000000}"/>
          </ac:spMkLst>
        </pc:spChg>
      </pc:sldChg>
      <pc:sldChg chg="modSp add mod">
        <pc:chgData name="Brecht Nys" userId="8e187b20a541708e" providerId="LiveId" clId="{441F0DCA-31E1-422F-B43B-3CCCCDA1E675}" dt="2023-06-13T01:45:30.097" v="182" actId="20577"/>
        <pc:sldMkLst>
          <pc:docMk/>
          <pc:sldMk cId="2049447354" sldId="853"/>
        </pc:sldMkLst>
        <pc:spChg chg="mod">
          <ac:chgData name="Brecht Nys" userId="8e187b20a541708e" providerId="LiveId" clId="{441F0DCA-31E1-422F-B43B-3CCCCDA1E675}" dt="2023-06-13T01:45:30.097" v="182" actId="20577"/>
          <ac:spMkLst>
            <pc:docMk/>
            <pc:sldMk cId="2049447354" sldId="853"/>
            <ac:spMk id="2" creationId="{00000000-0000-0000-0000-000000000000}"/>
          </ac:spMkLst>
        </pc:spChg>
      </pc:sldChg>
      <pc:sldChg chg="modSp add mod">
        <pc:chgData name="Brecht Nys" userId="8e187b20a541708e" providerId="LiveId" clId="{441F0DCA-31E1-422F-B43B-3CCCCDA1E675}" dt="2023-06-13T01:46:01.791" v="230"/>
        <pc:sldMkLst>
          <pc:docMk/>
          <pc:sldMk cId="3399904640" sldId="854"/>
        </pc:sldMkLst>
        <pc:spChg chg="mod">
          <ac:chgData name="Brecht Nys" userId="8e187b20a541708e" providerId="LiveId" clId="{441F0DCA-31E1-422F-B43B-3CCCCDA1E675}" dt="2023-06-13T01:46:01.791" v="230"/>
          <ac:spMkLst>
            <pc:docMk/>
            <pc:sldMk cId="3399904640" sldId="854"/>
            <ac:spMk id="2" creationId="{00000000-0000-0000-0000-000000000000}"/>
          </ac:spMkLst>
        </pc:spChg>
      </pc:sldChg>
      <pc:sldChg chg="modSp add mod">
        <pc:chgData name="Brecht Nys" userId="8e187b20a541708e" providerId="LiveId" clId="{441F0DCA-31E1-422F-B43B-3CCCCDA1E675}" dt="2023-06-13T01:46:10.889" v="239" actId="20577"/>
        <pc:sldMkLst>
          <pc:docMk/>
          <pc:sldMk cId="3076904137" sldId="855"/>
        </pc:sldMkLst>
        <pc:spChg chg="mod">
          <ac:chgData name="Brecht Nys" userId="8e187b20a541708e" providerId="LiveId" clId="{441F0DCA-31E1-422F-B43B-3CCCCDA1E675}" dt="2023-06-13T01:46:10.889" v="239" actId="20577"/>
          <ac:spMkLst>
            <pc:docMk/>
            <pc:sldMk cId="3076904137" sldId="855"/>
            <ac:spMk id="2" creationId="{00000000-0000-0000-0000-000000000000}"/>
          </ac:spMkLst>
        </pc:spChg>
      </pc:sldChg>
      <pc:sldChg chg="modSp add mod">
        <pc:chgData name="Brecht Nys" userId="8e187b20a541708e" providerId="LiveId" clId="{441F0DCA-31E1-422F-B43B-3CCCCDA1E675}" dt="2023-06-13T01:46:38.207" v="249" actId="403"/>
        <pc:sldMkLst>
          <pc:docMk/>
          <pc:sldMk cId="449661572" sldId="856"/>
        </pc:sldMkLst>
        <pc:spChg chg="mod">
          <ac:chgData name="Brecht Nys" userId="8e187b20a541708e" providerId="LiveId" clId="{441F0DCA-31E1-422F-B43B-3CCCCDA1E675}" dt="2023-06-13T01:46:38.207" v="249" actId="403"/>
          <ac:spMkLst>
            <pc:docMk/>
            <pc:sldMk cId="449661572" sldId="856"/>
            <ac:spMk id="2" creationId="{00000000-0000-0000-0000-000000000000}"/>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6/13/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13/06/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13 June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6/13/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6/13/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6/13/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6/13/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Closeup of a basketball in black background">
            <a:extLst>
              <a:ext uri="{FF2B5EF4-FFF2-40B4-BE49-F238E27FC236}">
                <a16:creationId xmlns:a16="http://schemas.microsoft.com/office/drawing/2014/main" id="{1C5C3231-144D-F671-B403-9CFF966455F0}"/>
              </a:ext>
            </a:extLst>
          </p:cNvPr>
          <p:cNvPicPr>
            <a:picLocks noChangeAspect="1"/>
          </p:cNvPicPr>
          <p:nvPr/>
        </p:nvPicPr>
        <p:blipFill rotWithShape="1">
          <a:blip r:embed="rId4">
            <a:extLst>
              <a:ext uri="{28A0092B-C50C-407E-A947-70E740481C1C}">
                <a14:useLocalDpi xmlns:a14="http://schemas.microsoft.com/office/drawing/2010/main" val="0"/>
              </a:ext>
            </a:extLst>
          </a:blip>
          <a:srcRect t="4330" b="5586"/>
          <a:stretch/>
        </p:blipFill>
        <p:spPr>
          <a:xfrm>
            <a:off x="0" y="0"/>
            <a:ext cx="12191998"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7431316" cy="788145"/>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a:t>
            </a:r>
            <a:r>
              <a:rPr lang="en-GB" sz="2000" i="1" dirty="0" err="1">
                <a:latin typeface="Myriad Pro" panose="020B0503030403020204" pitchFamily="34" charset="0"/>
              </a:rPr>
              <a:t>Colven</a:t>
            </a:r>
            <a:r>
              <a:rPr lang="en-GB" sz="2000" i="1" dirty="0">
                <a:latin typeface="Myriad Pro" panose="020B0503030403020204" pitchFamily="34" charset="0"/>
              </a:rPr>
              <a:t> Benjamin, Jessica Zhao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NBA Dashboard</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Introduction</a:t>
            </a:r>
          </a:p>
        </p:txBody>
      </p:sp>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eam</a:t>
            </a:r>
          </a:p>
        </p:txBody>
      </p:sp>
    </p:spTree>
    <p:extLst>
      <p:ext uri="{BB962C8B-B14F-4D97-AF65-F5344CB8AC3E}">
        <p14:creationId xmlns:p14="http://schemas.microsoft.com/office/powerpoint/2010/main" val="40103739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Packages used</a:t>
            </a:r>
            <a:br>
              <a:rPr lang="en-GB" sz="4400" dirty="0"/>
            </a:br>
            <a:endParaRPr lang="en-GB" sz="4400" dirty="0"/>
          </a:p>
        </p:txBody>
      </p:sp>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Data retrieval</a:t>
            </a:r>
            <a:br>
              <a:rPr lang="en-GB" sz="4400" dirty="0"/>
            </a:br>
            <a:endParaRPr lang="en-GB" sz="4400" dirty="0"/>
          </a:p>
        </p:txBody>
      </p:sp>
    </p:spTree>
    <p:extLst>
      <p:ext uri="{BB962C8B-B14F-4D97-AF65-F5344CB8AC3E}">
        <p14:creationId xmlns:p14="http://schemas.microsoft.com/office/powerpoint/2010/main" val="204944735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Explain functions of the web/user experience</a:t>
            </a:r>
            <a:br>
              <a:rPr lang="en-GB" sz="4400" dirty="0"/>
            </a:br>
            <a:endParaRPr lang="en-GB" sz="4400" dirty="0"/>
          </a:p>
        </p:txBody>
      </p:sp>
    </p:spTree>
    <p:extLst>
      <p:ext uri="{BB962C8B-B14F-4D97-AF65-F5344CB8AC3E}">
        <p14:creationId xmlns:p14="http://schemas.microsoft.com/office/powerpoint/2010/main" val="339990464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Graphics</a:t>
            </a:r>
            <a:br>
              <a:rPr lang="en-GB" sz="4400" dirty="0"/>
            </a:br>
            <a:endParaRPr lang="en-GB" sz="4400" dirty="0"/>
          </a:p>
        </p:txBody>
      </p:sp>
    </p:spTree>
    <p:extLst>
      <p:ext uri="{BB962C8B-B14F-4D97-AF65-F5344CB8AC3E}">
        <p14:creationId xmlns:p14="http://schemas.microsoft.com/office/powerpoint/2010/main" val="307690413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3104" y="3108707"/>
            <a:ext cx="10945792" cy="640585"/>
          </a:xfrm>
        </p:spPr>
        <p:txBody>
          <a:bodyPr/>
          <a:lstStyle/>
          <a:p>
            <a:pPr algn="ctr"/>
            <a:r>
              <a:rPr lang="en-GB" sz="5400" dirty="0"/>
              <a:t>Demo!</a:t>
            </a:r>
            <a:br>
              <a:rPr lang="en-GB" sz="5400" dirty="0"/>
            </a:br>
            <a:endParaRPr lang="en-GB" sz="5400" dirty="0"/>
          </a:p>
        </p:txBody>
      </p:sp>
    </p:spTree>
    <p:extLst>
      <p:ext uri="{BB962C8B-B14F-4D97-AF65-F5344CB8AC3E}">
        <p14:creationId xmlns:p14="http://schemas.microsoft.com/office/powerpoint/2010/main" val="44966157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D80AFC61-98A0-DE7F-A4F2-BD3E70CFDDE2}"/>
              </a:ext>
            </a:extLst>
          </p:cNvPr>
          <p:cNvSpPr>
            <a:spLocks noGrp="1"/>
          </p:cNvSpPr>
          <p:nvPr>
            <p:ph type="body" sz="quarter" idx="17"/>
          </p:nvPr>
        </p:nvSpPr>
        <p:spPr/>
        <p:txBody>
          <a:bodyPr/>
          <a:lstStyle/>
          <a:p>
            <a:r>
              <a:rPr lang="en-GB" dirty="0"/>
              <a:t>Any questions?</a:t>
            </a:r>
          </a:p>
        </p:txBody>
      </p:sp>
    </p:spTree>
    <p:extLst>
      <p:ext uri="{BB962C8B-B14F-4D97-AF65-F5344CB8AC3E}">
        <p14:creationId xmlns:p14="http://schemas.microsoft.com/office/powerpoint/2010/main" val="5009263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TemplafyFormConfiguration><![CDATA[{"formFields":[],"formDataEntries":[]}]]></TemplafyFormConfiguration>
</file>

<file path=customXml/item4.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5.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customXml/itemProps2.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3.xml><?xml version="1.0" encoding="utf-8"?>
<ds:datastoreItem xmlns:ds="http://schemas.openxmlformats.org/officeDocument/2006/customXml" ds:itemID="{6DF3E12A-6C1E-4E88-8400-118A6A2BB65F}">
  <ds:schemaRefs/>
</ds:datastoreItem>
</file>

<file path=customXml/itemProps4.xml><?xml version="1.0" encoding="utf-8"?>
<ds:datastoreItem xmlns:ds="http://schemas.openxmlformats.org/officeDocument/2006/customXml" ds:itemID="{C9B96071-12D7-45F2-BE4E-8DF39564C746}">
  <ds:schemaRefs/>
</ds:datastoreItem>
</file>

<file path=customXml/itemProps5.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10517</TotalTime>
  <Words>44</Words>
  <Application>Microsoft Office PowerPoint</Application>
  <PresentationFormat>Widescreen</PresentationFormat>
  <Paragraphs>11</Paragraphs>
  <Slides>9</Slides>
  <Notes>1</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9</vt:i4>
      </vt:variant>
    </vt:vector>
  </HeadingPairs>
  <TitlesOfParts>
    <vt:vector size="18" baseType="lpstr">
      <vt:lpstr>Myriad for Rabobank It</vt:lpstr>
      <vt:lpstr>Myriad for Rabobank SBd It</vt:lpstr>
      <vt:lpstr>Myriad for Rabobank Lt</vt:lpstr>
      <vt:lpstr>Myriad Pro</vt:lpstr>
      <vt:lpstr>Myriad for Rabobank Bd It</vt:lpstr>
      <vt:lpstr>Arial</vt:lpstr>
      <vt:lpstr>Myriad for Rabobank SBd</vt:lpstr>
      <vt:lpstr>Myriad for Rabobank</vt:lpstr>
      <vt:lpstr>Rabobank (2021)</vt:lpstr>
      <vt:lpstr>NBA Dashboard</vt:lpstr>
      <vt:lpstr>Introduction</vt:lpstr>
      <vt:lpstr>Team</vt:lpstr>
      <vt:lpstr>Packages used </vt:lpstr>
      <vt:lpstr>Data retrieval </vt:lpstr>
      <vt:lpstr>Explain functions of the web/user experience </vt:lpstr>
      <vt:lpstr>Graphics </vt:lpstr>
      <vt:lpstr>Demo! </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Brecht Nys</cp:lastModifiedBy>
  <cp:revision>333</cp:revision>
  <cp:lastPrinted>2021-12-19T14:36:36Z</cp:lastPrinted>
  <dcterms:created xsi:type="dcterms:W3CDTF">2021-12-16T08:31:56Z</dcterms:created>
  <dcterms:modified xsi:type="dcterms:W3CDTF">2023-06-13T01:46: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